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\Desktop\new entrants dec 2022 regions\"/>
    </mc:Choice>
  </mc:AlternateContent>
  <bookViews>
    <workbookView xWindow="0" yWindow="0" windowWidth="24000" windowHeight="9735"/>
  </bookViews>
  <sheets>
    <sheet name="norther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9" uniqueCount="292">
  <si>
    <t>EMPLOYEE_NUMBER</t>
  </si>
  <si>
    <t>TITLE</t>
  </si>
  <si>
    <t>FULL_NAME</t>
  </si>
  <si>
    <t>MGT_UNIT</t>
  </si>
  <si>
    <t>JOB_NAME</t>
  </si>
  <si>
    <t>GRADE_NAME</t>
  </si>
  <si>
    <t>SSNO</t>
  </si>
  <si>
    <t>SEX</t>
  </si>
  <si>
    <t>DATE_OF_BIRTH</t>
  </si>
  <si>
    <t>START_DATE</t>
  </si>
  <si>
    <t>REGION</t>
  </si>
  <si>
    <t>DISTRICT</t>
  </si>
  <si>
    <t>ASSIGNMENT_STATUS</t>
  </si>
  <si>
    <t>Mr.</t>
  </si>
  <si>
    <t>.Night Watchman/Gateman..GES</t>
  </si>
  <si>
    <t>SS.PSL5</t>
  </si>
  <si>
    <t>MALE</t>
  </si>
  <si>
    <t>Waiting Biometric Registration</t>
  </si>
  <si>
    <t>Miss</t>
  </si>
  <si>
    <t>FEMALE</t>
  </si>
  <si>
    <t>Mrs.</t>
  </si>
  <si>
    <t>Principal.Supt Professional..GES</t>
  </si>
  <si>
    <t>SS.PSH16</t>
  </si>
  <si>
    <t>Principal.Supt Non Professional..GES</t>
  </si>
  <si>
    <t>SS.PSL16</t>
  </si>
  <si>
    <t>Senior.Supt II Professional..GES</t>
  </si>
  <si>
    <t>SS.PSH14</t>
  </si>
  <si>
    <t>1261564</t>
  </si>
  <si>
    <t>NKIMELE, Mr. DAMBA ANIPALUMU</t>
  </si>
  <si>
    <t>0820 Kpandai DEO</t>
  </si>
  <si>
    <t>H277507010010</t>
  </si>
  <si>
    <t>Northern</t>
  </si>
  <si>
    <t>Kpandai</t>
  </si>
  <si>
    <t>1543886</t>
  </si>
  <si>
    <t>BICHAMABOR, Mr. MASALA</t>
  </si>
  <si>
    <t>0820 Kpandai SHS</t>
  </si>
  <si>
    <t>H119004280013</t>
  </si>
  <si>
    <t>1543891</t>
  </si>
  <si>
    <t>AGYEMANG, Miss PAULINA</t>
  </si>
  <si>
    <t>0820 St Kizito JHS</t>
  </si>
  <si>
    <t>F538802010023</t>
  </si>
  <si>
    <t>1543923</t>
  </si>
  <si>
    <t>ALHASSAN, Mr. SAYIBU HARUNA</t>
  </si>
  <si>
    <t>0825 Sagnarigu DEO</t>
  </si>
  <si>
    <t>H018509070133</t>
  </si>
  <si>
    <t>Sagnerigu Municipal Assembly</t>
  </si>
  <si>
    <t>1543928</t>
  </si>
  <si>
    <t>UMAR, Mr. IBRAHIM</t>
  </si>
  <si>
    <t>0825 Darul Hardis EA JHS</t>
  </si>
  <si>
    <t>H119107070018</t>
  </si>
  <si>
    <t>1543930</t>
  </si>
  <si>
    <t>MUBARIK, Mr. HAMIDU</t>
  </si>
  <si>
    <t>0825 Northern Business SHS</t>
  </si>
  <si>
    <t>H019007250095</t>
  </si>
  <si>
    <t>1543932</t>
  </si>
  <si>
    <t>ASEMPA, Mr. ROBERT</t>
  </si>
  <si>
    <t>0825 Kalipohini SHS</t>
  </si>
  <si>
    <t>D067501020014</t>
  </si>
  <si>
    <t>1543933</t>
  </si>
  <si>
    <t>ADAM, Mr. ZAKARIA</t>
  </si>
  <si>
    <t>H178004130013</t>
  </si>
  <si>
    <t>1543934</t>
  </si>
  <si>
    <t>ABDULAI, Mr. OSMAN</t>
  </si>
  <si>
    <t>H028905210034</t>
  </si>
  <si>
    <t>1543937</t>
  </si>
  <si>
    <t>AWUPOLI, Mr. JULIANA</t>
  </si>
  <si>
    <t>0825 Choggu Yapalsi MA JHS</t>
  </si>
  <si>
    <t>H038411180028</t>
  </si>
  <si>
    <t>1543944</t>
  </si>
  <si>
    <t>IDDRISU, Mr. ABDUL MUMIN</t>
  </si>
  <si>
    <t>H019401060018</t>
  </si>
  <si>
    <t>1544253</t>
  </si>
  <si>
    <t>ALSSAN, Mrs. ZELIA</t>
  </si>
  <si>
    <t>0806 Achinayili DA Prim</t>
  </si>
  <si>
    <t>H059206190060</t>
  </si>
  <si>
    <t>Karaga</t>
  </si>
  <si>
    <t>1544268</t>
  </si>
  <si>
    <t>ALIDU, Mrs. GANIATU MANDEYA</t>
  </si>
  <si>
    <t>0806 Karaga DA Prim (GOV)</t>
  </si>
  <si>
    <t>H069008210028</t>
  </si>
  <si>
    <t>1544302</t>
  </si>
  <si>
    <t>AMIN, Mr. SADAT MOHAMMED</t>
  </si>
  <si>
    <t>0813 Abubakar Sadiq Prim Sch (ISL)</t>
  </si>
  <si>
    <t>H019303150133</t>
  </si>
  <si>
    <t>Tamale Metropolitan Assembly</t>
  </si>
  <si>
    <t>1544310</t>
  </si>
  <si>
    <t>IBRAHIM, Mr. YAKUBU</t>
  </si>
  <si>
    <t>0813 Vitting Snr High Tech Tamale</t>
  </si>
  <si>
    <t>H088601070071</t>
  </si>
  <si>
    <t>1544315</t>
  </si>
  <si>
    <t>FUSEINI, Mr. HAMZA WAKASO</t>
  </si>
  <si>
    <t>0814 Tolon JHS (GOV)</t>
  </si>
  <si>
    <t>H348707150011</t>
  </si>
  <si>
    <t>Tolon</t>
  </si>
  <si>
    <t>1544321</t>
  </si>
  <si>
    <t>ABDULAI, Mr. IBRAHIM</t>
  </si>
  <si>
    <t>0821 Kumbungu SHS</t>
  </si>
  <si>
    <t>H089204110011</t>
  </si>
  <si>
    <t>Kumbungu</t>
  </si>
  <si>
    <t>1544345</t>
  </si>
  <si>
    <t>FUSEINI, Mrs. MONICA CHENTIWUNI</t>
  </si>
  <si>
    <t>0821 Kumbungu Nibrasiat EA JHS</t>
  </si>
  <si>
    <t>H018905180354</t>
  </si>
  <si>
    <t>1544352</t>
  </si>
  <si>
    <t>ABUBAKARI, Miss RUKAYA</t>
  </si>
  <si>
    <t>0813 Al-Saqafat Isl  Prim   (ISL)</t>
  </si>
  <si>
    <t>H019003140025</t>
  </si>
  <si>
    <t>1544360</t>
  </si>
  <si>
    <t>WORTOR, Mr. EVANS KWESI</t>
  </si>
  <si>
    <t>D018102220019</t>
  </si>
  <si>
    <t>1544372</t>
  </si>
  <si>
    <t>ABUKARI, Mrs. ZAHARAW</t>
  </si>
  <si>
    <t>0821 Zugu DA JHS</t>
  </si>
  <si>
    <t>C019312220863</t>
  </si>
  <si>
    <t>1544379</t>
  </si>
  <si>
    <t>YUSSIF, Mr. MOHAMMED MAHAMA</t>
  </si>
  <si>
    <t>0808 Bimbilla SHS</t>
  </si>
  <si>
    <t>H089408160017</t>
  </si>
  <si>
    <t>Nanumba North Municipal Assembly</t>
  </si>
  <si>
    <t>1544388</t>
  </si>
  <si>
    <t>BAVIAH, Miss FULERA</t>
  </si>
  <si>
    <t>0825 Yem Yagnin Yino Islamic Prim</t>
  </si>
  <si>
    <t>H278512130023</t>
  </si>
  <si>
    <t>1544400</t>
  </si>
  <si>
    <t>ALHASSAN, Mr. MOHAMMED KAMALDEEN</t>
  </si>
  <si>
    <t>C038309270151</t>
  </si>
  <si>
    <t>1544404</t>
  </si>
  <si>
    <t>SULEMANA, Miss FATIMA</t>
  </si>
  <si>
    <t>0825 Ulum Diniyat Prim</t>
  </si>
  <si>
    <t>H039610230024</t>
  </si>
  <si>
    <t>1544412</t>
  </si>
  <si>
    <t>HEMES, Mr. EDMOND NSOH</t>
  </si>
  <si>
    <t>0825 Tamale Snr High Sch</t>
  </si>
  <si>
    <t>H039606050010</t>
  </si>
  <si>
    <t>1544417</t>
  </si>
  <si>
    <t>ALHASSAN, Mr. KOFI BAAKO</t>
  </si>
  <si>
    <t>0813 Lamashegu JHS (GOV)</t>
  </si>
  <si>
    <t>H018106040153</t>
  </si>
  <si>
    <t>1545196</t>
  </si>
  <si>
    <t>GOMELESI, Mrs. PATRICIA</t>
  </si>
  <si>
    <t>G229209090026</t>
  </si>
  <si>
    <t>1545211</t>
  </si>
  <si>
    <t>YABA, Mr. EMMANUEL AGOLGA</t>
  </si>
  <si>
    <t>0821 Namdu AME Zion Prim</t>
  </si>
  <si>
    <t>H018004010058</t>
  </si>
  <si>
    <t>1545911</t>
  </si>
  <si>
    <t>AHMED, Mr. ALI MUSAH</t>
  </si>
  <si>
    <t>H239102050018</t>
  </si>
  <si>
    <t>1545914</t>
  </si>
  <si>
    <t>FANGAJET, Mrs. RUKAYA ISABELLA</t>
  </si>
  <si>
    <t>0821 Kumbungu D/A Prim "B"</t>
  </si>
  <si>
    <t>H018503310083</t>
  </si>
  <si>
    <t>1545919</t>
  </si>
  <si>
    <t>ZAKARIA, Mr. FARIDU</t>
  </si>
  <si>
    <t>0821 Gingaani DA JHS</t>
  </si>
  <si>
    <t>H019201070172</t>
  </si>
  <si>
    <t>1545920</t>
  </si>
  <si>
    <t>AHIAFOR, Mr. FRANCIS</t>
  </si>
  <si>
    <t>0821 Nibrasiat Islamic Prim</t>
  </si>
  <si>
    <t>H019406220050</t>
  </si>
  <si>
    <t>1545922</t>
  </si>
  <si>
    <t>AMADOR, Miss HENRIETTA TAY</t>
  </si>
  <si>
    <t>C019606290248</t>
  </si>
  <si>
    <t>1546222</t>
  </si>
  <si>
    <t>ALOARA, Miss ESTHER KPALPOABIL</t>
  </si>
  <si>
    <t>0813 ST PAULS RC PRIM A</t>
  </si>
  <si>
    <t>J078912200020</t>
  </si>
  <si>
    <t>1546903</t>
  </si>
  <si>
    <t>ISSAH, Mr. SUMAILA</t>
  </si>
  <si>
    <t>0806 Karaga SHS</t>
  </si>
  <si>
    <t>H089212260012</t>
  </si>
  <si>
    <t>1547465</t>
  </si>
  <si>
    <t>YAKUBU, Mr. SIIBAWAY</t>
  </si>
  <si>
    <t>0813 Dabokpa Vocational Inst</t>
  </si>
  <si>
    <t>H019210010096</t>
  </si>
  <si>
    <t>1547474</t>
  </si>
  <si>
    <t>YAKUBU, Mr. MUBARIK NAPODOO</t>
  </si>
  <si>
    <t>0805 Kpalgu  DA Prim</t>
  </si>
  <si>
    <t>H019001010598</t>
  </si>
  <si>
    <t>Gushiegu Municipal Assembly</t>
  </si>
  <si>
    <t>1547496</t>
  </si>
  <si>
    <t>IMORO, Mr. MOHAMMED MUTALA</t>
  </si>
  <si>
    <t>0805 Gushiegu Snr High School</t>
  </si>
  <si>
    <t>H018406150073</t>
  </si>
  <si>
    <t>1547504</t>
  </si>
  <si>
    <t>MUTALA, Mr. LATIFA</t>
  </si>
  <si>
    <t>0808 St. Mary's Prim Sogon No.2</t>
  </si>
  <si>
    <t>H178810210025</t>
  </si>
  <si>
    <t>1547514</t>
  </si>
  <si>
    <t>FIRI, Miss BEATRICE</t>
  </si>
  <si>
    <t>0808 Gungunpa Prim St.Joseph (CATH)</t>
  </si>
  <si>
    <t>G139110100023</t>
  </si>
  <si>
    <t>1547540</t>
  </si>
  <si>
    <t>BITIGNABA, Mr. MAMUBI ELIJAH</t>
  </si>
  <si>
    <t>0810 St.Joseph Technical Institute Sabo</t>
  </si>
  <si>
    <t>H249403030013</t>
  </si>
  <si>
    <t>Saboba</t>
  </si>
  <si>
    <t>1547555</t>
  </si>
  <si>
    <t>ABDUL-RAHMAN, Mr. ABDUL-MUMIN</t>
  </si>
  <si>
    <t>0811 Savelugu Snr High Sch</t>
  </si>
  <si>
    <t>H038605120037</t>
  </si>
  <si>
    <t>Savelugu Municipal Assembly</t>
  </si>
  <si>
    <t>1547596</t>
  </si>
  <si>
    <t>BAMIET, Mr. DESMOND ZUREBA</t>
  </si>
  <si>
    <t>0811 Savelugu MA JHS B</t>
  </si>
  <si>
    <t>J079203020030</t>
  </si>
  <si>
    <t>1547622</t>
  </si>
  <si>
    <t>SALIFU, Mr. ALHASSAN</t>
  </si>
  <si>
    <t>H019110040056</t>
  </si>
  <si>
    <t>1547637</t>
  </si>
  <si>
    <t>ALHASSAN, Mr. ALHASSAN</t>
  </si>
  <si>
    <t>1547665</t>
  </si>
  <si>
    <t>ABUBAKARI, Mr. ALIDU</t>
  </si>
  <si>
    <t>0806 Dagagu DA Prim (GOV)</t>
  </si>
  <si>
    <t>H039406150032</t>
  </si>
  <si>
    <t>1547687</t>
  </si>
  <si>
    <t>ABUBAKARI, Mr. ABDUL MALIK</t>
  </si>
  <si>
    <t>0806 Karaga Senior High Sch</t>
  </si>
  <si>
    <t>H018802120034</t>
  </si>
  <si>
    <t>1547710</t>
  </si>
  <si>
    <t>ALHASSAN, Mr. ABUBAKARI NAPARI</t>
  </si>
  <si>
    <t>H018508150058</t>
  </si>
  <si>
    <t>1547737</t>
  </si>
  <si>
    <t>ZAKARIA, Mr. MOHAMMED HARDI</t>
  </si>
  <si>
    <t>H019602290077</t>
  </si>
  <si>
    <t>1547760</t>
  </si>
  <si>
    <t>MOHAMMED, Mr. ABUBAKAR SADIQ</t>
  </si>
  <si>
    <t>0825 Islamic Science SHS</t>
  </si>
  <si>
    <t>H019103050110</t>
  </si>
  <si>
    <t>1547789</t>
  </si>
  <si>
    <t>SARFO, Mr. GABRIEL</t>
  </si>
  <si>
    <t>F049303150015</t>
  </si>
  <si>
    <t>1547830</t>
  </si>
  <si>
    <t>LANSAH, Mrs. RIFQATU ADAM</t>
  </si>
  <si>
    <t>0825 Kanvilli RC Prim</t>
  </si>
  <si>
    <t>H018707090068</t>
  </si>
  <si>
    <t>1547894</t>
  </si>
  <si>
    <t>SERWAA, Mrs. ABENA</t>
  </si>
  <si>
    <t>0825 Kamina DA JHS (GOV)</t>
  </si>
  <si>
    <t>F539411070029</t>
  </si>
  <si>
    <t>1547927</t>
  </si>
  <si>
    <t>I-NYUN, Mr. GIDEON NDONBI</t>
  </si>
  <si>
    <t>0808 Sabonjida Prim  (GOV) - Nanumba</t>
  </si>
  <si>
    <t>H179103090010</t>
  </si>
  <si>
    <t>1547949</t>
  </si>
  <si>
    <t>BILIGAMBA, Mr. JOSHUA BINDITI</t>
  </si>
  <si>
    <t>G108008040056</t>
  </si>
  <si>
    <t>1547984</t>
  </si>
  <si>
    <t>ABDULAI, Mr. ADINAN</t>
  </si>
  <si>
    <t>H179103070032</t>
  </si>
  <si>
    <t>1548032</t>
  </si>
  <si>
    <t>ZAKARIA, Mr. ISSIFU</t>
  </si>
  <si>
    <t>0809 Wulensi Snr High Sch</t>
  </si>
  <si>
    <t>H179006010012</t>
  </si>
  <si>
    <t>Nanumba South</t>
  </si>
  <si>
    <t>1548069</t>
  </si>
  <si>
    <t>IDDRISU, Mr. IBBRAHIM</t>
  </si>
  <si>
    <t>Wulensi Snr High Sch</t>
  </si>
  <si>
    <t>H178911230018</t>
  </si>
  <si>
    <t>1548083</t>
  </si>
  <si>
    <t>ABDUL-KARIM, Mr. TAWFIQUE</t>
  </si>
  <si>
    <t>H189412090013</t>
  </si>
  <si>
    <t>1548096</t>
  </si>
  <si>
    <t>EGNUNDE, Mr. MATTHEW WUMBORAPAK</t>
  </si>
  <si>
    <t>0818 Zabzugu  Secondary  School</t>
  </si>
  <si>
    <t>H099209150019</t>
  </si>
  <si>
    <t>Zabzugu</t>
  </si>
  <si>
    <t>1548111</t>
  </si>
  <si>
    <t>JOMAH, Mr. ISAIAH N-NANLABUYA</t>
  </si>
  <si>
    <t>H249512300014</t>
  </si>
  <si>
    <t>1548144</t>
  </si>
  <si>
    <t>MOHAMMED, Mr. HARUNA MUMUNI</t>
  </si>
  <si>
    <t>0818 Zabzugu DEO</t>
  </si>
  <si>
    <t>H039308020038</t>
  </si>
  <si>
    <t>1548222</t>
  </si>
  <si>
    <t>ALHASSAN, Mr. ELISHA DANAA</t>
  </si>
  <si>
    <t>0823 Kpabia Islamic JHS</t>
  </si>
  <si>
    <t>H019007030092</t>
  </si>
  <si>
    <t>Mion</t>
  </si>
  <si>
    <t>1548224</t>
  </si>
  <si>
    <t>MOHAMMED, Mr. IBRAHIM</t>
  </si>
  <si>
    <t>0817 Kinyombanki MA Prim</t>
  </si>
  <si>
    <t>H089012050056</t>
  </si>
  <si>
    <t>Yendi Municipal Assembly</t>
  </si>
  <si>
    <t>1548227</t>
  </si>
  <si>
    <t>ABDULAI, Mr. ABDUL-GAFARU</t>
  </si>
  <si>
    <t>0817 Dagbong State Secondary /Tech</t>
  </si>
  <si>
    <t>H019105080075</t>
  </si>
  <si>
    <t>1548230</t>
  </si>
  <si>
    <t>UMAR, Mrs. RASHIDA</t>
  </si>
  <si>
    <t>0814 Nyankpala RC Prim (CATH)</t>
  </si>
  <si>
    <t>F18931125002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0" fontId="1" fillId="0" borderId="0" xfId="0" applyFont="1"/>
    <xf numFmtId="0" fontId="0" fillId="0" borderId="0" xfId="0" quotePrefix="1"/>
    <xf numFmtId="15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68"/>
  <sheetViews>
    <sheetView tabSelected="1" workbookViewId="0">
      <selection activeCell="D7" sqref="D7"/>
    </sheetView>
  </sheetViews>
  <sheetFormatPr defaultRowHeight="15" x14ac:dyDescent="0.25"/>
  <cols>
    <col min="1" max="1" width="12.5703125" customWidth="1"/>
    <col min="2" max="2" width="11" bestFit="1" customWidth="1"/>
    <col min="3" max="3" width="33.42578125" customWidth="1"/>
    <col min="4" max="4" width="35.5703125" customWidth="1"/>
    <col min="5" max="5" width="33" customWidth="1"/>
    <col min="6" max="6" width="13.85546875" bestFit="1" customWidth="1"/>
    <col min="7" max="7" width="16.42578125" bestFit="1" customWidth="1"/>
    <col min="8" max="8" width="7.85546875" bestFit="1" customWidth="1"/>
    <col min="9" max="9" width="15.28515625" bestFit="1" customWidth="1"/>
    <col min="10" max="10" width="12" bestFit="1" customWidth="1"/>
    <col min="11" max="11" width="14.28515625" bestFit="1" customWidth="1"/>
    <col min="12" max="12" width="48.42578125" bestFit="1" customWidth="1"/>
    <col min="13" max="13" width="28.5703125" bestFit="1" customWidth="1"/>
  </cols>
  <sheetData>
    <row r="1" spans="1:13" x14ac:dyDescent="0.25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</row>
    <row r="2" spans="1:13" x14ac:dyDescent="0.25">
      <c r="A2" s="2" t="s">
        <v>27</v>
      </c>
      <c r="B2" s="2" t="s">
        <v>13</v>
      </c>
      <c r="C2" s="2" t="s">
        <v>28</v>
      </c>
      <c r="D2" s="2" t="s">
        <v>29</v>
      </c>
      <c r="E2" s="2" t="s">
        <v>14</v>
      </c>
      <c r="F2" s="2" t="s">
        <v>15</v>
      </c>
      <c r="G2" s="2" t="s">
        <v>30</v>
      </c>
      <c r="H2" s="2" t="s">
        <v>16</v>
      </c>
      <c r="I2" s="3">
        <v>27576</v>
      </c>
      <c r="J2" s="3">
        <v>43221</v>
      </c>
      <c r="K2" s="2" t="s">
        <v>31</v>
      </c>
      <c r="L2" s="2" t="s">
        <v>32</v>
      </c>
      <c r="M2" s="2" t="s">
        <v>17</v>
      </c>
    </row>
    <row r="3" spans="1:13" x14ac:dyDescent="0.25">
      <c r="A3" s="2" t="s">
        <v>33</v>
      </c>
      <c r="B3" s="2" t="s">
        <v>13</v>
      </c>
      <c r="C3" s="2" t="s">
        <v>34</v>
      </c>
      <c r="D3" s="2" t="s">
        <v>35</v>
      </c>
      <c r="E3" s="2" t="s">
        <v>21</v>
      </c>
      <c r="F3" s="2" t="s">
        <v>22</v>
      </c>
      <c r="G3" s="2" t="s">
        <v>36</v>
      </c>
      <c r="H3" s="2" t="s">
        <v>16</v>
      </c>
      <c r="I3" s="3">
        <v>32991</v>
      </c>
      <c r="J3" s="3">
        <v>44769</v>
      </c>
      <c r="K3" s="2" t="s">
        <v>31</v>
      </c>
      <c r="L3" s="2" t="s">
        <v>32</v>
      </c>
      <c r="M3" s="2" t="s">
        <v>17</v>
      </c>
    </row>
    <row r="4" spans="1:13" x14ac:dyDescent="0.25">
      <c r="A4" s="2" t="s">
        <v>37</v>
      </c>
      <c r="B4" s="2" t="s">
        <v>18</v>
      </c>
      <c r="C4" s="2" t="s">
        <v>38</v>
      </c>
      <c r="D4" s="2" t="s">
        <v>39</v>
      </c>
      <c r="E4" s="2" t="s">
        <v>21</v>
      </c>
      <c r="F4" s="2" t="s">
        <v>22</v>
      </c>
      <c r="G4" s="2" t="s">
        <v>40</v>
      </c>
      <c r="H4" s="2" t="s">
        <v>19</v>
      </c>
      <c r="I4" s="3">
        <v>32174</v>
      </c>
      <c r="J4" s="3">
        <v>44767</v>
      </c>
      <c r="K4" s="2" t="s">
        <v>31</v>
      </c>
      <c r="L4" s="2" t="s">
        <v>32</v>
      </c>
      <c r="M4" s="2" t="s">
        <v>17</v>
      </c>
    </row>
    <row r="5" spans="1:13" x14ac:dyDescent="0.25">
      <c r="A5" s="2" t="s">
        <v>41</v>
      </c>
      <c r="B5" s="2" t="s">
        <v>13</v>
      </c>
      <c r="C5" s="2" t="s">
        <v>42</v>
      </c>
      <c r="D5" s="2" t="s">
        <v>43</v>
      </c>
      <c r="E5" s="2" t="s">
        <v>21</v>
      </c>
      <c r="F5" s="2" t="s">
        <v>22</v>
      </c>
      <c r="G5" s="2" t="s">
        <v>44</v>
      </c>
      <c r="H5" s="2" t="s">
        <v>16</v>
      </c>
      <c r="I5" s="3">
        <v>31297</v>
      </c>
      <c r="J5" s="3">
        <v>44788</v>
      </c>
      <c r="K5" s="2" t="s">
        <v>31</v>
      </c>
      <c r="L5" s="2" t="s">
        <v>45</v>
      </c>
      <c r="M5" s="2" t="s">
        <v>17</v>
      </c>
    </row>
    <row r="6" spans="1:13" x14ac:dyDescent="0.25">
      <c r="A6" s="2" t="s">
        <v>46</v>
      </c>
      <c r="B6" s="2" t="s">
        <v>13</v>
      </c>
      <c r="C6" s="2" t="s">
        <v>47</v>
      </c>
      <c r="D6" s="2" t="s">
        <v>48</v>
      </c>
      <c r="E6" s="2" t="s">
        <v>23</v>
      </c>
      <c r="F6" s="2" t="s">
        <v>24</v>
      </c>
      <c r="G6" s="2" t="s">
        <v>49</v>
      </c>
      <c r="H6" s="2" t="s">
        <v>16</v>
      </c>
      <c r="I6" s="3">
        <v>33426</v>
      </c>
      <c r="J6" s="3">
        <v>44782</v>
      </c>
      <c r="K6" s="2" t="s">
        <v>31</v>
      </c>
      <c r="L6" s="2" t="s">
        <v>45</v>
      </c>
      <c r="M6" s="2" t="s">
        <v>17</v>
      </c>
    </row>
    <row r="7" spans="1:13" x14ac:dyDescent="0.25">
      <c r="A7" s="2" t="s">
        <v>50</v>
      </c>
      <c r="B7" s="2" t="s">
        <v>13</v>
      </c>
      <c r="C7" s="2" t="s">
        <v>51</v>
      </c>
      <c r="D7" s="2" t="s">
        <v>52</v>
      </c>
      <c r="E7" s="2" t="s">
        <v>21</v>
      </c>
      <c r="F7" s="2" t="s">
        <v>22</v>
      </c>
      <c r="G7" s="2" t="s">
        <v>53</v>
      </c>
      <c r="H7" s="2" t="s">
        <v>16</v>
      </c>
      <c r="I7" s="3">
        <v>33079</v>
      </c>
      <c r="J7" s="3">
        <v>44788</v>
      </c>
      <c r="K7" s="2" t="s">
        <v>31</v>
      </c>
      <c r="L7" s="2" t="s">
        <v>45</v>
      </c>
      <c r="M7" s="2" t="s">
        <v>17</v>
      </c>
    </row>
    <row r="8" spans="1:13" x14ac:dyDescent="0.25">
      <c r="A8" s="2" t="s">
        <v>54</v>
      </c>
      <c r="B8" s="2" t="s">
        <v>13</v>
      </c>
      <c r="C8" s="2" t="s">
        <v>55</v>
      </c>
      <c r="D8" s="2" t="s">
        <v>56</v>
      </c>
      <c r="E8" s="2" t="s">
        <v>21</v>
      </c>
      <c r="F8" s="2" t="s">
        <v>22</v>
      </c>
      <c r="G8" s="2" t="s">
        <v>57</v>
      </c>
      <c r="H8" s="2" t="s">
        <v>16</v>
      </c>
      <c r="I8" s="3">
        <v>27396</v>
      </c>
      <c r="J8" s="3">
        <v>44783</v>
      </c>
      <c r="K8" s="2" t="s">
        <v>31</v>
      </c>
      <c r="L8" s="2" t="s">
        <v>45</v>
      </c>
      <c r="M8" s="2" t="s">
        <v>17</v>
      </c>
    </row>
    <row r="9" spans="1:13" x14ac:dyDescent="0.25">
      <c r="A9" s="2" t="s">
        <v>58</v>
      </c>
      <c r="B9" s="2" t="s">
        <v>13</v>
      </c>
      <c r="C9" s="2" t="s">
        <v>59</v>
      </c>
      <c r="D9" s="2" t="s">
        <v>52</v>
      </c>
      <c r="E9" s="2" t="s">
        <v>23</v>
      </c>
      <c r="F9" s="2" t="s">
        <v>24</v>
      </c>
      <c r="G9" s="2" t="s">
        <v>60</v>
      </c>
      <c r="H9" s="2" t="s">
        <v>16</v>
      </c>
      <c r="I9" s="3">
        <v>29324</v>
      </c>
      <c r="J9" s="3">
        <v>44788</v>
      </c>
      <c r="K9" s="2" t="s">
        <v>31</v>
      </c>
      <c r="L9" s="2" t="s">
        <v>45</v>
      </c>
      <c r="M9" s="2" t="s">
        <v>17</v>
      </c>
    </row>
    <row r="10" spans="1:13" x14ac:dyDescent="0.25">
      <c r="A10" s="2" t="s">
        <v>61</v>
      </c>
      <c r="B10" s="2" t="s">
        <v>13</v>
      </c>
      <c r="C10" s="2" t="s">
        <v>62</v>
      </c>
      <c r="D10" s="2" t="s">
        <v>43</v>
      </c>
      <c r="E10" s="2" t="s">
        <v>21</v>
      </c>
      <c r="F10" s="2" t="s">
        <v>22</v>
      </c>
      <c r="G10" s="2" t="s">
        <v>63</v>
      </c>
      <c r="H10" s="2" t="s">
        <v>16</v>
      </c>
      <c r="I10" s="3">
        <v>32649</v>
      </c>
      <c r="J10" s="3">
        <v>44771</v>
      </c>
      <c r="K10" s="2" t="s">
        <v>31</v>
      </c>
      <c r="L10" s="2" t="s">
        <v>45</v>
      </c>
      <c r="M10" s="2" t="s">
        <v>17</v>
      </c>
    </row>
    <row r="11" spans="1:13" x14ac:dyDescent="0.25">
      <c r="A11" s="2" t="s">
        <v>64</v>
      </c>
      <c r="B11" s="2" t="s">
        <v>13</v>
      </c>
      <c r="C11" s="2" t="s">
        <v>65</v>
      </c>
      <c r="D11" s="2" t="s">
        <v>66</v>
      </c>
      <c r="E11" s="2" t="s">
        <v>21</v>
      </c>
      <c r="F11" s="2" t="s">
        <v>22</v>
      </c>
      <c r="G11" s="2" t="s">
        <v>67</v>
      </c>
      <c r="H11" s="2" t="s">
        <v>16</v>
      </c>
      <c r="I11" s="3">
        <v>31004</v>
      </c>
      <c r="J11" s="3">
        <v>44750</v>
      </c>
      <c r="K11" s="2" t="s">
        <v>31</v>
      </c>
      <c r="L11" s="2" t="s">
        <v>45</v>
      </c>
      <c r="M11" s="2" t="s">
        <v>17</v>
      </c>
    </row>
    <row r="12" spans="1:13" x14ac:dyDescent="0.25">
      <c r="A12" s="2" t="s">
        <v>68</v>
      </c>
      <c r="B12" s="2" t="s">
        <v>13</v>
      </c>
      <c r="C12" s="2" t="s">
        <v>69</v>
      </c>
      <c r="D12" s="2" t="s">
        <v>56</v>
      </c>
      <c r="E12" s="2" t="s">
        <v>23</v>
      </c>
      <c r="F12" s="2" t="s">
        <v>24</v>
      </c>
      <c r="G12" s="2" t="s">
        <v>70</v>
      </c>
      <c r="H12" s="2" t="s">
        <v>16</v>
      </c>
      <c r="I12" s="3">
        <v>34340</v>
      </c>
      <c r="J12" s="3">
        <v>44735</v>
      </c>
      <c r="K12" s="2" t="s">
        <v>31</v>
      </c>
      <c r="L12" s="2" t="s">
        <v>45</v>
      </c>
      <c r="M12" s="2" t="s">
        <v>17</v>
      </c>
    </row>
    <row r="13" spans="1:13" x14ac:dyDescent="0.25">
      <c r="A13" s="2" t="s">
        <v>71</v>
      </c>
      <c r="B13" s="2" t="s">
        <v>20</v>
      </c>
      <c r="C13" s="2" t="s">
        <v>72</v>
      </c>
      <c r="D13" s="2" t="s">
        <v>73</v>
      </c>
      <c r="E13" s="2" t="s">
        <v>25</v>
      </c>
      <c r="F13" s="2" t="s">
        <v>26</v>
      </c>
      <c r="G13" s="2" t="s">
        <v>74</v>
      </c>
      <c r="H13" s="2" t="s">
        <v>19</v>
      </c>
      <c r="I13" s="3">
        <v>33774</v>
      </c>
      <c r="J13" s="3">
        <v>44727</v>
      </c>
      <c r="K13" s="2" t="s">
        <v>31</v>
      </c>
      <c r="L13" s="2" t="s">
        <v>75</v>
      </c>
      <c r="M13" s="2" t="s">
        <v>17</v>
      </c>
    </row>
    <row r="14" spans="1:13" x14ac:dyDescent="0.25">
      <c r="A14" s="2" t="s">
        <v>76</v>
      </c>
      <c r="B14" s="2" t="s">
        <v>20</v>
      </c>
      <c r="C14" s="2" t="s">
        <v>77</v>
      </c>
      <c r="D14" s="2" t="s">
        <v>78</v>
      </c>
      <c r="E14" s="2" t="s">
        <v>25</v>
      </c>
      <c r="F14" s="2" t="s">
        <v>26</v>
      </c>
      <c r="G14" s="2" t="s">
        <v>79</v>
      </c>
      <c r="H14" s="2" t="s">
        <v>19</v>
      </c>
      <c r="I14" s="3">
        <v>33106</v>
      </c>
      <c r="J14" s="3">
        <v>44692</v>
      </c>
      <c r="K14" s="2" t="s">
        <v>31</v>
      </c>
      <c r="L14" s="2" t="s">
        <v>75</v>
      </c>
      <c r="M14" s="2" t="s">
        <v>17</v>
      </c>
    </row>
    <row r="15" spans="1:13" x14ac:dyDescent="0.25">
      <c r="A15" s="2" t="s">
        <v>80</v>
      </c>
      <c r="B15" s="2" t="s">
        <v>13</v>
      </c>
      <c r="C15" s="2" t="s">
        <v>81</v>
      </c>
      <c r="D15" s="2" t="s">
        <v>82</v>
      </c>
      <c r="E15" s="2" t="s">
        <v>21</v>
      </c>
      <c r="F15" s="2" t="s">
        <v>22</v>
      </c>
      <c r="G15" s="2" t="s">
        <v>83</v>
      </c>
      <c r="H15" s="2" t="s">
        <v>16</v>
      </c>
      <c r="I15" s="3">
        <v>34043</v>
      </c>
      <c r="J15" s="3">
        <v>44774</v>
      </c>
      <c r="K15" s="2" t="s">
        <v>31</v>
      </c>
      <c r="L15" s="2" t="s">
        <v>84</v>
      </c>
      <c r="M15" s="2" t="s">
        <v>17</v>
      </c>
    </row>
    <row r="16" spans="1:13" x14ac:dyDescent="0.25">
      <c r="A16" s="2" t="s">
        <v>85</v>
      </c>
      <c r="B16" s="2" t="s">
        <v>13</v>
      </c>
      <c r="C16" s="2" t="s">
        <v>86</v>
      </c>
      <c r="D16" s="2" t="s">
        <v>87</v>
      </c>
      <c r="E16" s="2" t="s">
        <v>23</v>
      </c>
      <c r="F16" s="2" t="s">
        <v>24</v>
      </c>
      <c r="G16" s="2" t="s">
        <v>88</v>
      </c>
      <c r="H16" s="2" t="s">
        <v>16</v>
      </c>
      <c r="I16" s="3">
        <v>31419</v>
      </c>
      <c r="J16" s="3">
        <v>44791</v>
      </c>
      <c r="K16" s="2" t="s">
        <v>31</v>
      </c>
      <c r="L16" s="2" t="s">
        <v>84</v>
      </c>
      <c r="M16" s="2" t="s">
        <v>17</v>
      </c>
    </row>
    <row r="17" spans="1:13" x14ac:dyDescent="0.25">
      <c r="A17" s="2" t="s">
        <v>89</v>
      </c>
      <c r="B17" s="2" t="s">
        <v>13</v>
      </c>
      <c r="C17" s="2" t="s">
        <v>90</v>
      </c>
      <c r="D17" s="2" t="s">
        <v>91</v>
      </c>
      <c r="E17" s="2" t="s">
        <v>21</v>
      </c>
      <c r="F17" s="2" t="s">
        <v>22</v>
      </c>
      <c r="G17" s="2" t="s">
        <v>92</v>
      </c>
      <c r="H17" s="2" t="s">
        <v>16</v>
      </c>
      <c r="I17" s="3">
        <v>31973</v>
      </c>
      <c r="J17" s="3">
        <v>44783</v>
      </c>
      <c r="K17" s="2" t="s">
        <v>31</v>
      </c>
      <c r="L17" s="2" t="s">
        <v>93</v>
      </c>
      <c r="M17" s="2" t="s">
        <v>17</v>
      </c>
    </row>
    <row r="18" spans="1:13" x14ac:dyDescent="0.25">
      <c r="A18" s="2" t="s">
        <v>94</v>
      </c>
      <c r="B18" s="2" t="s">
        <v>13</v>
      </c>
      <c r="C18" s="2" t="s">
        <v>95</v>
      </c>
      <c r="D18" s="2" t="s">
        <v>96</v>
      </c>
      <c r="E18" s="2" t="s">
        <v>23</v>
      </c>
      <c r="F18" s="2" t="s">
        <v>24</v>
      </c>
      <c r="G18" s="2" t="s">
        <v>97</v>
      </c>
      <c r="H18" s="2" t="s">
        <v>16</v>
      </c>
      <c r="I18" s="3">
        <v>33705</v>
      </c>
      <c r="J18" s="3">
        <v>44787</v>
      </c>
      <c r="K18" s="2" t="s">
        <v>31</v>
      </c>
      <c r="L18" s="2" t="s">
        <v>98</v>
      </c>
      <c r="M18" s="2" t="s">
        <v>17</v>
      </c>
    </row>
    <row r="19" spans="1:13" x14ac:dyDescent="0.25">
      <c r="A19" s="2" t="s">
        <v>99</v>
      </c>
      <c r="B19" s="2" t="s">
        <v>20</v>
      </c>
      <c r="C19" s="2" t="s">
        <v>100</v>
      </c>
      <c r="D19" s="2" t="s">
        <v>101</v>
      </c>
      <c r="E19" s="2" t="s">
        <v>21</v>
      </c>
      <c r="F19" s="2" t="s">
        <v>22</v>
      </c>
      <c r="G19" s="2" t="s">
        <v>102</v>
      </c>
      <c r="H19" s="2" t="s">
        <v>19</v>
      </c>
      <c r="I19" s="3">
        <v>32646</v>
      </c>
      <c r="J19" s="3">
        <v>44770</v>
      </c>
      <c r="K19" s="2" t="s">
        <v>31</v>
      </c>
      <c r="L19" s="2" t="s">
        <v>98</v>
      </c>
      <c r="M19" s="2" t="s">
        <v>17</v>
      </c>
    </row>
    <row r="20" spans="1:13" x14ac:dyDescent="0.25">
      <c r="A20" s="2" t="s">
        <v>103</v>
      </c>
      <c r="B20" s="2" t="s">
        <v>18</v>
      </c>
      <c r="C20" s="2" t="s">
        <v>104</v>
      </c>
      <c r="D20" s="2" t="s">
        <v>105</v>
      </c>
      <c r="E20" s="2" t="s">
        <v>21</v>
      </c>
      <c r="F20" s="2" t="s">
        <v>22</v>
      </c>
      <c r="G20" s="2" t="s">
        <v>106</v>
      </c>
      <c r="H20" s="2" t="s">
        <v>19</v>
      </c>
      <c r="I20" s="3">
        <v>32946</v>
      </c>
      <c r="J20" s="3">
        <v>44811</v>
      </c>
      <c r="K20" s="2" t="s">
        <v>31</v>
      </c>
      <c r="L20" s="2" t="s">
        <v>84</v>
      </c>
      <c r="M20" s="2" t="s">
        <v>17</v>
      </c>
    </row>
    <row r="21" spans="1:13" x14ac:dyDescent="0.25">
      <c r="A21" s="2" t="s">
        <v>107</v>
      </c>
      <c r="B21" s="2" t="s">
        <v>13</v>
      </c>
      <c r="C21" s="2" t="s">
        <v>108</v>
      </c>
      <c r="D21" s="2" t="s">
        <v>96</v>
      </c>
      <c r="E21" s="2" t="s">
        <v>23</v>
      </c>
      <c r="F21" s="2" t="s">
        <v>24</v>
      </c>
      <c r="G21" s="2" t="s">
        <v>109</v>
      </c>
      <c r="H21" s="2" t="s">
        <v>16</v>
      </c>
      <c r="I21" s="3">
        <v>29639</v>
      </c>
      <c r="J21" s="3">
        <v>44771</v>
      </c>
      <c r="K21" s="2" t="s">
        <v>31</v>
      </c>
      <c r="L21" s="2" t="s">
        <v>98</v>
      </c>
      <c r="M21" s="2" t="s">
        <v>17</v>
      </c>
    </row>
    <row r="22" spans="1:13" x14ac:dyDescent="0.25">
      <c r="A22" s="2" t="s">
        <v>110</v>
      </c>
      <c r="B22" s="2" t="s">
        <v>20</v>
      </c>
      <c r="C22" s="2" t="s">
        <v>111</v>
      </c>
      <c r="D22" s="2" t="s">
        <v>112</v>
      </c>
      <c r="E22" s="2" t="s">
        <v>21</v>
      </c>
      <c r="F22" s="2" t="s">
        <v>22</v>
      </c>
      <c r="G22" s="2" t="s">
        <v>113</v>
      </c>
      <c r="H22" s="2" t="s">
        <v>19</v>
      </c>
      <c r="I22" s="3">
        <v>34325</v>
      </c>
      <c r="J22" s="3">
        <v>44776</v>
      </c>
      <c r="K22" s="2" t="s">
        <v>31</v>
      </c>
      <c r="L22" s="2" t="s">
        <v>98</v>
      </c>
      <c r="M22" s="2" t="s">
        <v>17</v>
      </c>
    </row>
    <row r="23" spans="1:13" x14ac:dyDescent="0.25">
      <c r="A23" s="2" t="s">
        <v>114</v>
      </c>
      <c r="B23" s="2" t="s">
        <v>13</v>
      </c>
      <c r="C23" s="2" t="s">
        <v>115</v>
      </c>
      <c r="D23" s="2" t="s">
        <v>116</v>
      </c>
      <c r="E23" s="2" t="s">
        <v>21</v>
      </c>
      <c r="F23" s="2" t="s">
        <v>22</v>
      </c>
      <c r="G23" s="2" t="s">
        <v>117</v>
      </c>
      <c r="H23" s="2" t="s">
        <v>16</v>
      </c>
      <c r="I23" s="3">
        <v>34562</v>
      </c>
      <c r="J23" s="3">
        <v>44739</v>
      </c>
      <c r="K23" s="2" t="s">
        <v>31</v>
      </c>
      <c r="L23" s="2" t="s">
        <v>118</v>
      </c>
      <c r="M23" s="2" t="s">
        <v>17</v>
      </c>
    </row>
    <row r="24" spans="1:13" x14ac:dyDescent="0.25">
      <c r="A24" s="2" t="s">
        <v>119</v>
      </c>
      <c r="B24" s="2" t="s">
        <v>18</v>
      </c>
      <c r="C24" s="2" t="s">
        <v>120</v>
      </c>
      <c r="D24" s="2" t="s">
        <v>121</v>
      </c>
      <c r="E24" s="2" t="s">
        <v>21</v>
      </c>
      <c r="F24" s="2" t="s">
        <v>22</v>
      </c>
      <c r="G24" s="2" t="s">
        <v>122</v>
      </c>
      <c r="H24" s="2" t="s">
        <v>19</v>
      </c>
      <c r="I24" s="3">
        <v>31394</v>
      </c>
      <c r="J24" s="3">
        <v>44774</v>
      </c>
      <c r="K24" s="2" t="s">
        <v>31</v>
      </c>
      <c r="L24" s="2" t="s">
        <v>45</v>
      </c>
      <c r="M24" s="2" t="s">
        <v>17</v>
      </c>
    </row>
    <row r="25" spans="1:13" x14ac:dyDescent="0.25">
      <c r="A25" s="2" t="s">
        <v>123</v>
      </c>
      <c r="B25" s="2" t="s">
        <v>13</v>
      </c>
      <c r="C25" s="2" t="s">
        <v>124</v>
      </c>
      <c r="D25" s="2" t="s">
        <v>43</v>
      </c>
      <c r="E25" s="2" t="s">
        <v>21</v>
      </c>
      <c r="F25" s="2" t="s">
        <v>22</v>
      </c>
      <c r="G25" s="2" t="s">
        <v>125</v>
      </c>
      <c r="H25" s="2" t="s">
        <v>16</v>
      </c>
      <c r="I25" s="3">
        <v>30586</v>
      </c>
      <c r="J25" s="3">
        <v>44788</v>
      </c>
      <c r="K25" s="2" t="s">
        <v>31</v>
      </c>
      <c r="L25" s="2" t="s">
        <v>45</v>
      </c>
      <c r="M25" s="2" t="s">
        <v>17</v>
      </c>
    </row>
    <row r="26" spans="1:13" x14ac:dyDescent="0.25">
      <c r="A26" s="2" t="s">
        <v>126</v>
      </c>
      <c r="B26" s="2" t="s">
        <v>18</v>
      </c>
      <c r="C26" s="2" t="s">
        <v>127</v>
      </c>
      <c r="D26" s="2" t="s">
        <v>128</v>
      </c>
      <c r="E26" s="2" t="s">
        <v>23</v>
      </c>
      <c r="F26" s="2" t="s">
        <v>24</v>
      </c>
      <c r="G26" s="2" t="s">
        <v>129</v>
      </c>
      <c r="H26" s="2" t="s">
        <v>19</v>
      </c>
      <c r="I26" s="3">
        <v>35361</v>
      </c>
      <c r="J26" s="3">
        <v>44782</v>
      </c>
      <c r="K26" s="2" t="s">
        <v>31</v>
      </c>
      <c r="L26" s="2" t="s">
        <v>45</v>
      </c>
      <c r="M26" s="2" t="s">
        <v>17</v>
      </c>
    </row>
    <row r="27" spans="1:13" x14ac:dyDescent="0.25">
      <c r="A27" s="2" t="s">
        <v>130</v>
      </c>
      <c r="B27" s="2" t="s">
        <v>13</v>
      </c>
      <c r="C27" s="2" t="s">
        <v>131</v>
      </c>
      <c r="D27" s="2" t="s">
        <v>132</v>
      </c>
      <c r="E27" s="2" t="s">
        <v>23</v>
      </c>
      <c r="F27" s="2" t="s">
        <v>24</v>
      </c>
      <c r="G27" s="2" t="s">
        <v>133</v>
      </c>
      <c r="H27" s="2" t="s">
        <v>16</v>
      </c>
      <c r="I27" s="3">
        <v>35221</v>
      </c>
      <c r="J27" s="3">
        <v>44783</v>
      </c>
      <c r="K27" s="2" t="s">
        <v>31</v>
      </c>
      <c r="L27" s="2" t="s">
        <v>45</v>
      </c>
      <c r="M27" s="2" t="s">
        <v>17</v>
      </c>
    </row>
    <row r="28" spans="1:13" x14ac:dyDescent="0.25">
      <c r="A28" s="2" t="s">
        <v>134</v>
      </c>
      <c r="B28" s="2" t="s">
        <v>13</v>
      </c>
      <c r="C28" s="2" t="s">
        <v>135</v>
      </c>
      <c r="D28" s="2" t="s">
        <v>136</v>
      </c>
      <c r="E28" s="2" t="s">
        <v>21</v>
      </c>
      <c r="F28" s="2" t="s">
        <v>22</v>
      </c>
      <c r="G28" s="2" t="s">
        <v>137</v>
      </c>
      <c r="H28" s="2" t="s">
        <v>16</v>
      </c>
      <c r="I28" s="3">
        <v>29741</v>
      </c>
      <c r="J28" s="3">
        <v>44770</v>
      </c>
      <c r="K28" s="2" t="s">
        <v>31</v>
      </c>
      <c r="L28" s="2" t="s">
        <v>84</v>
      </c>
      <c r="M28" s="2" t="s">
        <v>17</v>
      </c>
    </row>
    <row r="29" spans="1:13" x14ac:dyDescent="0.25">
      <c r="A29" s="2" t="s">
        <v>138</v>
      </c>
      <c r="B29" s="2" t="s">
        <v>20</v>
      </c>
      <c r="C29" s="2" t="s">
        <v>139</v>
      </c>
      <c r="D29" s="2" t="s">
        <v>101</v>
      </c>
      <c r="E29" s="2" t="s">
        <v>25</v>
      </c>
      <c r="F29" s="2" t="s">
        <v>26</v>
      </c>
      <c r="G29" s="2" t="s">
        <v>140</v>
      </c>
      <c r="H29" s="2" t="s">
        <v>19</v>
      </c>
      <c r="I29" s="3">
        <v>33856</v>
      </c>
      <c r="J29" s="3">
        <v>44699</v>
      </c>
      <c r="K29" s="2" t="s">
        <v>31</v>
      </c>
      <c r="L29" s="2" t="s">
        <v>98</v>
      </c>
      <c r="M29" s="2" t="s">
        <v>17</v>
      </c>
    </row>
    <row r="30" spans="1:13" x14ac:dyDescent="0.25">
      <c r="A30" s="2" t="s">
        <v>141</v>
      </c>
      <c r="B30" s="2" t="s">
        <v>13</v>
      </c>
      <c r="C30" s="2" t="s">
        <v>142</v>
      </c>
      <c r="D30" s="2" t="s">
        <v>143</v>
      </c>
      <c r="E30" s="2" t="s">
        <v>25</v>
      </c>
      <c r="F30" s="2" t="s">
        <v>26</v>
      </c>
      <c r="G30" s="2" t="s">
        <v>144</v>
      </c>
      <c r="H30" s="2" t="s">
        <v>16</v>
      </c>
      <c r="I30" s="3">
        <v>29312</v>
      </c>
      <c r="J30" s="3">
        <v>44729</v>
      </c>
      <c r="K30" s="2" t="s">
        <v>31</v>
      </c>
      <c r="L30" s="2" t="s">
        <v>98</v>
      </c>
      <c r="M30" s="2" t="s">
        <v>17</v>
      </c>
    </row>
    <row r="31" spans="1:13" x14ac:dyDescent="0.25">
      <c r="A31" s="2" t="s">
        <v>145</v>
      </c>
      <c r="B31" s="2" t="s">
        <v>13</v>
      </c>
      <c r="C31" s="2" t="s">
        <v>146</v>
      </c>
      <c r="D31" s="2" t="s">
        <v>96</v>
      </c>
      <c r="E31" s="2" t="s">
        <v>21</v>
      </c>
      <c r="F31" s="2" t="s">
        <v>22</v>
      </c>
      <c r="G31" s="2" t="s">
        <v>147</v>
      </c>
      <c r="H31" s="2" t="s">
        <v>16</v>
      </c>
      <c r="I31" s="3">
        <v>33274</v>
      </c>
      <c r="J31" s="3">
        <v>44771</v>
      </c>
      <c r="K31" s="2" t="s">
        <v>31</v>
      </c>
      <c r="L31" s="2" t="s">
        <v>98</v>
      </c>
      <c r="M31" s="2" t="s">
        <v>17</v>
      </c>
    </row>
    <row r="32" spans="1:13" x14ac:dyDescent="0.25">
      <c r="A32" s="2" t="s">
        <v>148</v>
      </c>
      <c r="B32" s="2" t="s">
        <v>20</v>
      </c>
      <c r="C32" s="2" t="s">
        <v>149</v>
      </c>
      <c r="D32" s="2" t="s">
        <v>150</v>
      </c>
      <c r="E32" s="2" t="s">
        <v>21</v>
      </c>
      <c r="F32" s="2" t="s">
        <v>22</v>
      </c>
      <c r="G32" s="2" t="s">
        <v>151</v>
      </c>
      <c r="H32" s="2" t="s">
        <v>19</v>
      </c>
      <c r="I32" s="3">
        <v>31137</v>
      </c>
      <c r="J32" s="3">
        <v>44783</v>
      </c>
      <c r="K32" s="2" t="s">
        <v>31</v>
      </c>
      <c r="L32" s="2" t="s">
        <v>98</v>
      </c>
      <c r="M32" s="2" t="s">
        <v>17</v>
      </c>
    </row>
    <row r="33" spans="1:13" x14ac:dyDescent="0.25">
      <c r="A33" s="2" t="s">
        <v>152</v>
      </c>
      <c r="B33" s="2" t="s">
        <v>13</v>
      </c>
      <c r="C33" s="2" t="s">
        <v>153</v>
      </c>
      <c r="D33" s="2" t="s">
        <v>154</v>
      </c>
      <c r="E33" s="2" t="s">
        <v>21</v>
      </c>
      <c r="F33" s="2" t="s">
        <v>22</v>
      </c>
      <c r="G33" s="2" t="s">
        <v>155</v>
      </c>
      <c r="H33" s="2" t="s">
        <v>16</v>
      </c>
      <c r="I33" s="3">
        <v>33610</v>
      </c>
      <c r="J33" s="3">
        <v>44784</v>
      </c>
      <c r="K33" s="2" t="s">
        <v>31</v>
      </c>
      <c r="L33" s="2" t="s">
        <v>98</v>
      </c>
      <c r="M33" s="2" t="s">
        <v>17</v>
      </c>
    </row>
    <row r="34" spans="1:13" x14ac:dyDescent="0.25">
      <c r="A34" s="2" t="s">
        <v>156</v>
      </c>
      <c r="B34" s="2" t="s">
        <v>13</v>
      </c>
      <c r="C34" s="2" t="s">
        <v>157</v>
      </c>
      <c r="D34" s="2" t="s">
        <v>158</v>
      </c>
      <c r="E34" s="2" t="s">
        <v>21</v>
      </c>
      <c r="F34" s="2" t="s">
        <v>22</v>
      </c>
      <c r="G34" s="2" t="s">
        <v>159</v>
      </c>
      <c r="H34" s="2" t="s">
        <v>16</v>
      </c>
      <c r="I34" s="3">
        <v>34507</v>
      </c>
      <c r="J34" s="3">
        <v>44770</v>
      </c>
      <c r="K34" s="2" t="s">
        <v>31</v>
      </c>
      <c r="L34" s="2" t="s">
        <v>98</v>
      </c>
      <c r="M34" s="2" t="s">
        <v>17</v>
      </c>
    </row>
    <row r="35" spans="1:13" x14ac:dyDescent="0.25">
      <c r="A35" s="2" t="s">
        <v>160</v>
      </c>
      <c r="B35" s="2" t="s">
        <v>18</v>
      </c>
      <c r="C35" s="2" t="s">
        <v>161</v>
      </c>
      <c r="D35" s="2" t="s">
        <v>96</v>
      </c>
      <c r="E35" s="2" t="s">
        <v>21</v>
      </c>
      <c r="F35" s="2" t="s">
        <v>22</v>
      </c>
      <c r="G35" s="2" t="s">
        <v>162</v>
      </c>
      <c r="H35" s="2" t="s">
        <v>19</v>
      </c>
      <c r="I35" s="3">
        <v>35245</v>
      </c>
      <c r="J35" s="3">
        <v>44784</v>
      </c>
      <c r="K35" s="2" t="s">
        <v>31</v>
      </c>
      <c r="L35" s="2" t="s">
        <v>98</v>
      </c>
      <c r="M35" s="2" t="s">
        <v>17</v>
      </c>
    </row>
    <row r="36" spans="1:13" x14ac:dyDescent="0.25">
      <c r="A36" s="2" t="s">
        <v>163</v>
      </c>
      <c r="B36" s="2" t="s">
        <v>18</v>
      </c>
      <c r="C36" s="2" t="s">
        <v>164</v>
      </c>
      <c r="D36" s="2" t="s">
        <v>165</v>
      </c>
      <c r="E36" s="2" t="s">
        <v>25</v>
      </c>
      <c r="F36" s="2" t="s">
        <v>26</v>
      </c>
      <c r="G36" s="2" t="s">
        <v>166</v>
      </c>
      <c r="H36" s="2" t="s">
        <v>19</v>
      </c>
      <c r="I36" s="3">
        <v>32862</v>
      </c>
      <c r="J36" s="3">
        <v>44707</v>
      </c>
      <c r="K36" s="2" t="s">
        <v>31</v>
      </c>
      <c r="L36" s="2" t="s">
        <v>84</v>
      </c>
      <c r="M36" s="2" t="s">
        <v>17</v>
      </c>
    </row>
    <row r="37" spans="1:13" x14ac:dyDescent="0.25">
      <c r="A37" s="2" t="s">
        <v>167</v>
      </c>
      <c r="B37" s="2" t="s">
        <v>13</v>
      </c>
      <c r="C37" s="2" t="s">
        <v>168</v>
      </c>
      <c r="D37" s="2" t="s">
        <v>169</v>
      </c>
      <c r="E37" s="2" t="s">
        <v>21</v>
      </c>
      <c r="F37" s="2" t="s">
        <v>22</v>
      </c>
      <c r="G37" s="2" t="s">
        <v>170</v>
      </c>
      <c r="H37" s="2" t="s">
        <v>16</v>
      </c>
      <c r="I37" s="3">
        <v>33964</v>
      </c>
      <c r="J37" s="3">
        <v>44783</v>
      </c>
      <c r="K37" s="2" t="s">
        <v>31</v>
      </c>
      <c r="L37" s="2" t="s">
        <v>75</v>
      </c>
      <c r="M37" s="2" t="s">
        <v>17</v>
      </c>
    </row>
    <row r="38" spans="1:13" x14ac:dyDescent="0.25">
      <c r="A38" s="2" t="s">
        <v>171</v>
      </c>
      <c r="B38" s="2" t="s">
        <v>13</v>
      </c>
      <c r="C38" s="2" t="s">
        <v>172</v>
      </c>
      <c r="D38" s="2" t="s">
        <v>173</v>
      </c>
      <c r="E38" s="2" t="s">
        <v>21</v>
      </c>
      <c r="F38" s="2" t="s">
        <v>22</v>
      </c>
      <c r="G38" s="2" t="s">
        <v>174</v>
      </c>
      <c r="H38" s="2" t="s">
        <v>16</v>
      </c>
      <c r="I38" s="3">
        <v>33878</v>
      </c>
      <c r="J38" s="3">
        <v>44740</v>
      </c>
      <c r="K38" s="2" t="s">
        <v>31</v>
      </c>
      <c r="L38" s="2" t="s">
        <v>84</v>
      </c>
      <c r="M38" s="2" t="s">
        <v>17</v>
      </c>
    </row>
    <row r="39" spans="1:13" x14ac:dyDescent="0.25">
      <c r="A39" s="2" t="s">
        <v>175</v>
      </c>
      <c r="B39" s="2" t="s">
        <v>13</v>
      </c>
      <c r="C39" s="2" t="s">
        <v>176</v>
      </c>
      <c r="D39" s="2" t="s">
        <v>177</v>
      </c>
      <c r="E39" s="2" t="s">
        <v>21</v>
      </c>
      <c r="F39" s="2" t="s">
        <v>22</v>
      </c>
      <c r="G39" s="2" t="s">
        <v>178</v>
      </c>
      <c r="H39" s="2" t="s">
        <v>16</v>
      </c>
      <c r="I39" s="3">
        <v>34335</v>
      </c>
      <c r="J39" s="3">
        <v>44754</v>
      </c>
      <c r="K39" s="2" t="s">
        <v>31</v>
      </c>
      <c r="L39" s="2" t="s">
        <v>179</v>
      </c>
      <c r="M39" s="2" t="s">
        <v>17</v>
      </c>
    </row>
    <row r="40" spans="1:13" x14ac:dyDescent="0.25">
      <c r="A40" s="2" t="s">
        <v>180</v>
      </c>
      <c r="B40" s="2" t="s">
        <v>13</v>
      </c>
      <c r="C40" s="2" t="s">
        <v>181</v>
      </c>
      <c r="D40" s="2" t="s">
        <v>182</v>
      </c>
      <c r="E40" s="2" t="s">
        <v>21</v>
      </c>
      <c r="F40" s="2" t="s">
        <v>22</v>
      </c>
      <c r="G40" s="2" t="s">
        <v>183</v>
      </c>
      <c r="H40" s="2" t="s">
        <v>16</v>
      </c>
      <c r="I40" s="3">
        <v>30848</v>
      </c>
      <c r="J40" s="3">
        <v>44803</v>
      </c>
      <c r="K40" s="2" t="s">
        <v>31</v>
      </c>
      <c r="L40" s="2" t="s">
        <v>179</v>
      </c>
      <c r="M40" s="2" t="s">
        <v>17</v>
      </c>
    </row>
    <row r="41" spans="1:13" x14ac:dyDescent="0.25">
      <c r="A41" s="2" t="s">
        <v>184</v>
      </c>
      <c r="B41" s="2" t="s">
        <v>13</v>
      </c>
      <c r="C41" s="2" t="s">
        <v>185</v>
      </c>
      <c r="D41" s="2" t="s">
        <v>186</v>
      </c>
      <c r="E41" s="2" t="s">
        <v>21</v>
      </c>
      <c r="F41" s="2" t="s">
        <v>22</v>
      </c>
      <c r="G41" s="2" t="s">
        <v>187</v>
      </c>
      <c r="H41" s="2" t="s">
        <v>16</v>
      </c>
      <c r="I41" s="3">
        <v>32437</v>
      </c>
      <c r="J41" s="3">
        <v>44797</v>
      </c>
      <c r="K41" s="2" t="s">
        <v>31</v>
      </c>
      <c r="L41" s="2" t="s">
        <v>118</v>
      </c>
      <c r="M41" s="2" t="s">
        <v>17</v>
      </c>
    </row>
    <row r="42" spans="1:13" x14ac:dyDescent="0.25">
      <c r="A42" s="2" t="s">
        <v>188</v>
      </c>
      <c r="B42" s="2" t="s">
        <v>18</v>
      </c>
      <c r="C42" s="2" t="s">
        <v>189</v>
      </c>
      <c r="D42" s="2" t="s">
        <v>190</v>
      </c>
      <c r="E42" s="2" t="s">
        <v>21</v>
      </c>
      <c r="F42" s="2" t="s">
        <v>22</v>
      </c>
      <c r="G42" s="2" t="s">
        <v>191</v>
      </c>
      <c r="H42" s="2" t="s">
        <v>19</v>
      </c>
      <c r="I42" s="3">
        <v>33521</v>
      </c>
      <c r="J42" s="3">
        <v>44803</v>
      </c>
      <c r="K42" s="2" t="s">
        <v>31</v>
      </c>
      <c r="L42" s="2" t="s">
        <v>118</v>
      </c>
      <c r="M42" s="2" t="s">
        <v>17</v>
      </c>
    </row>
    <row r="43" spans="1:13" x14ac:dyDescent="0.25">
      <c r="A43" s="2" t="s">
        <v>192</v>
      </c>
      <c r="B43" s="2" t="s">
        <v>13</v>
      </c>
      <c r="C43" s="2" t="s">
        <v>193</v>
      </c>
      <c r="D43" s="2" t="s">
        <v>194</v>
      </c>
      <c r="E43" s="2" t="s">
        <v>21</v>
      </c>
      <c r="F43" s="2" t="s">
        <v>22</v>
      </c>
      <c r="G43" s="2" t="s">
        <v>195</v>
      </c>
      <c r="H43" s="2" t="s">
        <v>16</v>
      </c>
      <c r="I43" s="3">
        <v>34396</v>
      </c>
      <c r="J43" s="3">
        <v>44774</v>
      </c>
      <c r="K43" s="2" t="s">
        <v>31</v>
      </c>
      <c r="L43" s="2" t="s">
        <v>196</v>
      </c>
      <c r="M43" s="2" t="s">
        <v>17</v>
      </c>
    </row>
    <row r="44" spans="1:13" x14ac:dyDescent="0.25">
      <c r="A44" s="2" t="s">
        <v>197</v>
      </c>
      <c r="B44" s="2" t="s">
        <v>13</v>
      </c>
      <c r="C44" s="2" t="s">
        <v>198</v>
      </c>
      <c r="D44" s="2" t="s">
        <v>199</v>
      </c>
      <c r="E44" s="2" t="s">
        <v>21</v>
      </c>
      <c r="F44" s="2" t="s">
        <v>22</v>
      </c>
      <c r="G44" s="2" t="s">
        <v>200</v>
      </c>
      <c r="H44" s="2" t="s">
        <v>16</v>
      </c>
      <c r="I44" s="3">
        <v>31544</v>
      </c>
      <c r="J44" s="3">
        <v>44788</v>
      </c>
      <c r="K44" s="2" t="s">
        <v>31</v>
      </c>
      <c r="L44" s="2" t="s">
        <v>201</v>
      </c>
      <c r="M44" s="2" t="s">
        <v>17</v>
      </c>
    </row>
    <row r="45" spans="1:13" x14ac:dyDescent="0.25">
      <c r="A45" s="2" t="s">
        <v>202</v>
      </c>
      <c r="B45" s="2" t="s">
        <v>13</v>
      </c>
      <c r="C45" s="2" t="s">
        <v>203</v>
      </c>
      <c r="D45" s="2" t="s">
        <v>204</v>
      </c>
      <c r="E45" s="2" t="s">
        <v>23</v>
      </c>
      <c r="F45" s="2" t="s">
        <v>24</v>
      </c>
      <c r="G45" s="2" t="s">
        <v>205</v>
      </c>
      <c r="H45" s="2" t="s">
        <v>16</v>
      </c>
      <c r="I45" s="3">
        <v>33665</v>
      </c>
      <c r="J45" s="3">
        <v>44783</v>
      </c>
      <c r="K45" s="2" t="s">
        <v>31</v>
      </c>
      <c r="L45" s="2" t="s">
        <v>201</v>
      </c>
      <c r="M45" s="2" t="s">
        <v>17</v>
      </c>
    </row>
    <row r="46" spans="1:13" x14ac:dyDescent="0.25">
      <c r="A46" s="2" t="s">
        <v>206</v>
      </c>
      <c r="B46" s="2" t="s">
        <v>13</v>
      </c>
      <c r="C46" s="2" t="s">
        <v>207</v>
      </c>
      <c r="D46" s="2" t="s">
        <v>199</v>
      </c>
      <c r="E46" s="2" t="s">
        <v>21</v>
      </c>
      <c r="F46" s="2" t="s">
        <v>22</v>
      </c>
      <c r="G46" s="2" t="s">
        <v>208</v>
      </c>
      <c r="H46" s="2" t="s">
        <v>16</v>
      </c>
      <c r="I46" s="3">
        <v>33515</v>
      </c>
      <c r="J46" s="3">
        <v>44788</v>
      </c>
      <c r="K46" s="2" t="s">
        <v>31</v>
      </c>
      <c r="L46" s="2" t="s">
        <v>201</v>
      </c>
      <c r="M46" s="2" t="s">
        <v>17</v>
      </c>
    </row>
    <row r="47" spans="1:13" x14ac:dyDescent="0.25">
      <c r="A47" s="2" t="s">
        <v>209</v>
      </c>
      <c r="B47" s="2" t="s">
        <v>13</v>
      </c>
      <c r="C47" s="2" t="s">
        <v>210</v>
      </c>
      <c r="D47" s="2" t="s">
        <v>169</v>
      </c>
      <c r="E47" s="2" t="s">
        <v>21</v>
      </c>
      <c r="F47" s="2" t="s">
        <v>22</v>
      </c>
      <c r="H47" s="2" t="s">
        <v>16</v>
      </c>
      <c r="I47" s="3">
        <v>31173</v>
      </c>
      <c r="J47" s="3">
        <v>44775</v>
      </c>
      <c r="K47" s="2" t="s">
        <v>31</v>
      </c>
      <c r="L47" s="2" t="s">
        <v>75</v>
      </c>
      <c r="M47" s="2" t="s">
        <v>17</v>
      </c>
    </row>
    <row r="48" spans="1:13" x14ac:dyDescent="0.25">
      <c r="A48" s="2" t="s">
        <v>211</v>
      </c>
      <c r="B48" s="2" t="s">
        <v>13</v>
      </c>
      <c r="C48" s="2" t="s">
        <v>212</v>
      </c>
      <c r="D48" s="2" t="s">
        <v>213</v>
      </c>
      <c r="E48" s="2" t="s">
        <v>21</v>
      </c>
      <c r="F48" s="2" t="s">
        <v>22</v>
      </c>
      <c r="G48" s="2" t="s">
        <v>214</v>
      </c>
      <c r="H48" s="2" t="s">
        <v>16</v>
      </c>
      <c r="I48" s="3">
        <v>34500</v>
      </c>
      <c r="J48" s="3">
        <v>44775</v>
      </c>
      <c r="K48" s="2" t="s">
        <v>31</v>
      </c>
      <c r="L48" s="2" t="s">
        <v>75</v>
      </c>
      <c r="M48" s="2" t="s">
        <v>17</v>
      </c>
    </row>
    <row r="49" spans="1:13" x14ac:dyDescent="0.25">
      <c r="A49" s="2" t="s">
        <v>215</v>
      </c>
      <c r="B49" s="2" t="s">
        <v>13</v>
      </c>
      <c r="C49" s="2" t="s">
        <v>216</v>
      </c>
      <c r="D49" s="2" t="s">
        <v>217</v>
      </c>
      <c r="E49" s="2" t="s">
        <v>23</v>
      </c>
      <c r="F49" s="2" t="s">
        <v>24</v>
      </c>
      <c r="G49" s="2" t="s">
        <v>218</v>
      </c>
      <c r="H49" s="2" t="s">
        <v>16</v>
      </c>
      <c r="I49" s="3">
        <v>32185</v>
      </c>
      <c r="J49" s="3">
        <v>44775</v>
      </c>
      <c r="K49" s="2" t="s">
        <v>31</v>
      </c>
      <c r="L49" s="2" t="s">
        <v>75</v>
      </c>
      <c r="M49" s="2" t="s">
        <v>17</v>
      </c>
    </row>
    <row r="50" spans="1:13" x14ac:dyDescent="0.25">
      <c r="A50" s="2" t="s">
        <v>219</v>
      </c>
      <c r="B50" s="2" t="s">
        <v>13</v>
      </c>
      <c r="C50" s="2" t="s">
        <v>220</v>
      </c>
      <c r="D50" s="2" t="s">
        <v>217</v>
      </c>
      <c r="E50" s="2" t="s">
        <v>21</v>
      </c>
      <c r="F50" s="2" t="s">
        <v>22</v>
      </c>
      <c r="G50" s="2" t="s">
        <v>221</v>
      </c>
      <c r="H50" s="2" t="s">
        <v>16</v>
      </c>
      <c r="I50" s="3">
        <v>32004</v>
      </c>
      <c r="J50" s="3">
        <v>44783</v>
      </c>
      <c r="K50" s="2" t="s">
        <v>31</v>
      </c>
      <c r="L50" s="2" t="s">
        <v>75</v>
      </c>
      <c r="M50" s="2" t="s">
        <v>17</v>
      </c>
    </row>
    <row r="51" spans="1:13" x14ac:dyDescent="0.25">
      <c r="A51" s="2" t="s">
        <v>222</v>
      </c>
      <c r="B51" s="2" t="s">
        <v>13</v>
      </c>
      <c r="C51" s="2" t="s">
        <v>223</v>
      </c>
      <c r="D51" s="2" t="s">
        <v>217</v>
      </c>
      <c r="E51" s="2" t="s">
        <v>21</v>
      </c>
      <c r="F51" s="2" t="s">
        <v>22</v>
      </c>
      <c r="G51" s="2" t="s">
        <v>224</v>
      </c>
      <c r="H51" s="2" t="s">
        <v>16</v>
      </c>
      <c r="I51" s="3">
        <v>35124</v>
      </c>
      <c r="J51" s="3">
        <v>44761</v>
      </c>
      <c r="K51" s="2" t="s">
        <v>31</v>
      </c>
      <c r="L51" s="2" t="s">
        <v>75</v>
      </c>
      <c r="M51" s="2" t="s">
        <v>17</v>
      </c>
    </row>
    <row r="52" spans="1:13" x14ac:dyDescent="0.25">
      <c r="A52" s="2" t="s">
        <v>225</v>
      </c>
      <c r="B52" s="2" t="s">
        <v>13</v>
      </c>
      <c r="C52" s="2" t="s">
        <v>226</v>
      </c>
      <c r="D52" s="2" t="s">
        <v>227</v>
      </c>
      <c r="E52" s="2" t="s">
        <v>21</v>
      </c>
      <c r="F52" s="2" t="s">
        <v>22</v>
      </c>
      <c r="G52" s="2" t="s">
        <v>228</v>
      </c>
      <c r="H52" s="2" t="s">
        <v>16</v>
      </c>
      <c r="I52" s="3">
        <v>33302</v>
      </c>
      <c r="J52" s="3">
        <v>44802</v>
      </c>
      <c r="K52" s="2" t="s">
        <v>31</v>
      </c>
      <c r="L52" s="2" t="s">
        <v>45</v>
      </c>
      <c r="M52" s="2" t="s">
        <v>17</v>
      </c>
    </row>
    <row r="53" spans="1:13" x14ac:dyDescent="0.25">
      <c r="A53" s="2" t="s">
        <v>229</v>
      </c>
      <c r="B53" s="2" t="s">
        <v>13</v>
      </c>
      <c r="C53" s="2" t="s">
        <v>230</v>
      </c>
      <c r="D53" s="2" t="s">
        <v>52</v>
      </c>
      <c r="E53" s="2" t="s">
        <v>21</v>
      </c>
      <c r="F53" s="2" t="s">
        <v>22</v>
      </c>
      <c r="G53" s="2" t="s">
        <v>231</v>
      </c>
      <c r="H53" s="2" t="s">
        <v>16</v>
      </c>
      <c r="I53" s="3">
        <v>34043</v>
      </c>
      <c r="J53" s="3">
        <v>44729</v>
      </c>
      <c r="K53" s="2" t="s">
        <v>31</v>
      </c>
      <c r="L53" s="2" t="s">
        <v>45</v>
      </c>
      <c r="M53" s="2" t="s">
        <v>17</v>
      </c>
    </row>
    <row r="54" spans="1:13" x14ac:dyDescent="0.25">
      <c r="A54" s="2" t="s">
        <v>232</v>
      </c>
      <c r="B54" s="2" t="s">
        <v>20</v>
      </c>
      <c r="C54" s="2" t="s">
        <v>233</v>
      </c>
      <c r="D54" s="2" t="s">
        <v>234</v>
      </c>
      <c r="E54" s="2" t="s">
        <v>21</v>
      </c>
      <c r="F54" s="2" t="s">
        <v>22</v>
      </c>
      <c r="G54" s="2" t="s">
        <v>235</v>
      </c>
      <c r="H54" s="2" t="s">
        <v>19</v>
      </c>
      <c r="I54" s="3">
        <v>31967</v>
      </c>
      <c r="J54" s="3">
        <v>44804</v>
      </c>
      <c r="K54" s="2" t="s">
        <v>31</v>
      </c>
      <c r="L54" s="2" t="s">
        <v>45</v>
      </c>
      <c r="M54" s="2" t="s">
        <v>17</v>
      </c>
    </row>
    <row r="55" spans="1:13" x14ac:dyDescent="0.25">
      <c r="A55" s="2" t="s">
        <v>236</v>
      </c>
      <c r="B55" s="2" t="s">
        <v>20</v>
      </c>
      <c r="C55" s="2" t="s">
        <v>237</v>
      </c>
      <c r="D55" s="2" t="s">
        <v>238</v>
      </c>
      <c r="E55" s="2" t="s">
        <v>21</v>
      </c>
      <c r="F55" s="2" t="s">
        <v>22</v>
      </c>
      <c r="G55" s="2" t="s">
        <v>239</v>
      </c>
      <c r="H55" s="2" t="s">
        <v>19</v>
      </c>
      <c r="I55" s="3">
        <v>34645</v>
      </c>
      <c r="J55" s="3">
        <v>44729</v>
      </c>
      <c r="K55" s="2" t="s">
        <v>31</v>
      </c>
      <c r="L55" s="2" t="s">
        <v>45</v>
      </c>
      <c r="M55" s="2" t="s">
        <v>17</v>
      </c>
    </row>
    <row r="56" spans="1:13" x14ac:dyDescent="0.25">
      <c r="A56" s="2" t="s">
        <v>240</v>
      </c>
      <c r="B56" s="2" t="s">
        <v>13</v>
      </c>
      <c r="C56" s="2" t="s">
        <v>241</v>
      </c>
      <c r="D56" s="2" t="s">
        <v>242</v>
      </c>
      <c r="E56" s="2" t="s">
        <v>21</v>
      </c>
      <c r="F56" s="2" t="s">
        <v>22</v>
      </c>
      <c r="G56" s="2" t="s">
        <v>243</v>
      </c>
      <c r="H56" s="2" t="s">
        <v>16</v>
      </c>
      <c r="I56" s="3">
        <v>33306</v>
      </c>
      <c r="J56" s="3">
        <v>44797</v>
      </c>
      <c r="K56" s="2" t="s">
        <v>31</v>
      </c>
      <c r="L56" s="2" t="s">
        <v>118</v>
      </c>
      <c r="M56" s="2" t="s">
        <v>17</v>
      </c>
    </row>
    <row r="57" spans="1:13" x14ac:dyDescent="0.25">
      <c r="A57" s="2" t="s">
        <v>244</v>
      </c>
      <c r="B57" s="2" t="s">
        <v>13</v>
      </c>
      <c r="C57" s="2" t="s">
        <v>245</v>
      </c>
      <c r="D57" s="2" t="s">
        <v>190</v>
      </c>
      <c r="E57" s="2" t="s">
        <v>21</v>
      </c>
      <c r="F57" s="2" t="s">
        <v>22</v>
      </c>
      <c r="G57" s="2" t="s">
        <v>246</v>
      </c>
      <c r="H57" s="2" t="s">
        <v>16</v>
      </c>
      <c r="I57" s="3">
        <v>31263</v>
      </c>
      <c r="J57" s="3">
        <v>44795</v>
      </c>
      <c r="K57" s="2" t="s">
        <v>31</v>
      </c>
      <c r="L57" s="2" t="s">
        <v>118</v>
      </c>
      <c r="M57" s="2" t="s">
        <v>17</v>
      </c>
    </row>
    <row r="58" spans="1:13" x14ac:dyDescent="0.25">
      <c r="A58" s="2" t="s">
        <v>247</v>
      </c>
      <c r="B58" s="2" t="s">
        <v>13</v>
      </c>
      <c r="C58" s="2" t="s">
        <v>248</v>
      </c>
      <c r="D58" s="2" t="s">
        <v>116</v>
      </c>
      <c r="E58" s="2" t="s">
        <v>21</v>
      </c>
      <c r="F58" s="2" t="s">
        <v>22</v>
      </c>
      <c r="G58" s="2" t="s">
        <v>249</v>
      </c>
      <c r="H58" s="2" t="s">
        <v>16</v>
      </c>
      <c r="I58" s="3">
        <v>33304</v>
      </c>
      <c r="J58" s="3">
        <v>44805</v>
      </c>
      <c r="K58" s="2" t="s">
        <v>31</v>
      </c>
      <c r="L58" s="2" t="s">
        <v>118</v>
      </c>
      <c r="M58" s="2" t="s">
        <v>17</v>
      </c>
    </row>
    <row r="59" spans="1:13" x14ac:dyDescent="0.25">
      <c r="A59" s="2" t="s">
        <v>250</v>
      </c>
      <c r="B59" s="2" t="s">
        <v>13</v>
      </c>
      <c r="C59" s="2" t="s">
        <v>251</v>
      </c>
      <c r="D59" s="2" t="s">
        <v>252</v>
      </c>
      <c r="E59" s="2" t="s">
        <v>21</v>
      </c>
      <c r="F59" s="2" t="s">
        <v>22</v>
      </c>
      <c r="G59" s="2" t="s">
        <v>253</v>
      </c>
      <c r="H59" s="2" t="s">
        <v>16</v>
      </c>
      <c r="I59" s="3">
        <v>33025</v>
      </c>
      <c r="J59" s="3">
        <v>44740</v>
      </c>
      <c r="K59" s="2" t="s">
        <v>31</v>
      </c>
      <c r="L59" s="2" t="s">
        <v>254</v>
      </c>
      <c r="M59" s="2" t="s">
        <v>17</v>
      </c>
    </row>
    <row r="60" spans="1:13" x14ac:dyDescent="0.25">
      <c r="A60" s="2" t="s">
        <v>255</v>
      </c>
      <c r="B60" s="2" t="s">
        <v>13</v>
      </c>
      <c r="C60" s="2" t="s">
        <v>256</v>
      </c>
      <c r="D60" s="2" t="s">
        <v>257</v>
      </c>
      <c r="E60" s="2" t="s">
        <v>21</v>
      </c>
      <c r="F60" s="2" t="s">
        <v>22</v>
      </c>
      <c r="G60" s="2" t="s">
        <v>258</v>
      </c>
      <c r="H60" s="2" t="s">
        <v>16</v>
      </c>
      <c r="I60" s="3">
        <v>32835</v>
      </c>
      <c r="J60" s="3">
        <v>44781</v>
      </c>
      <c r="K60" s="2" t="s">
        <v>31</v>
      </c>
      <c r="L60" s="2" t="s">
        <v>254</v>
      </c>
      <c r="M60" s="2" t="s">
        <v>17</v>
      </c>
    </row>
    <row r="61" spans="1:13" x14ac:dyDescent="0.25">
      <c r="A61" s="2" t="s">
        <v>259</v>
      </c>
      <c r="B61" s="2" t="s">
        <v>13</v>
      </c>
      <c r="C61" s="2" t="s">
        <v>260</v>
      </c>
      <c r="D61" s="2" t="s">
        <v>257</v>
      </c>
      <c r="E61" s="2" t="s">
        <v>21</v>
      </c>
      <c r="F61" s="2" t="s">
        <v>22</v>
      </c>
      <c r="G61" s="2" t="s">
        <v>261</v>
      </c>
      <c r="H61" s="2" t="s">
        <v>16</v>
      </c>
      <c r="I61" s="3">
        <v>34677</v>
      </c>
      <c r="J61" s="3">
        <v>44763</v>
      </c>
      <c r="K61" s="2" t="s">
        <v>31</v>
      </c>
      <c r="L61" s="2" t="s">
        <v>254</v>
      </c>
      <c r="M61" s="2" t="s">
        <v>17</v>
      </c>
    </row>
    <row r="62" spans="1:13" x14ac:dyDescent="0.25">
      <c r="A62" s="2" t="s">
        <v>262</v>
      </c>
      <c r="B62" s="2" t="s">
        <v>13</v>
      </c>
      <c r="C62" s="2" t="s">
        <v>263</v>
      </c>
      <c r="D62" s="2" t="s">
        <v>264</v>
      </c>
      <c r="E62" s="2" t="s">
        <v>21</v>
      </c>
      <c r="F62" s="2" t="s">
        <v>22</v>
      </c>
      <c r="G62" s="2" t="s">
        <v>265</v>
      </c>
      <c r="H62" s="2" t="s">
        <v>16</v>
      </c>
      <c r="I62" s="3">
        <v>33862</v>
      </c>
      <c r="J62" s="3">
        <v>44783</v>
      </c>
      <c r="K62" s="2" t="s">
        <v>31</v>
      </c>
      <c r="L62" s="2" t="s">
        <v>266</v>
      </c>
      <c r="M62" s="2" t="s">
        <v>17</v>
      </c>
    </row>
    <row r="63" spans="1:13" x14ac:dyDescent="0.25">
      <c r="A63" s="2" t="s">
        <v>267</v>
      </c>
      <c r="B63" s="2" t="s">
        <v>13</v>
      </c>
      <c r="C63" s="2" t="s">
        <v>268</v>
      </c>
      <c r="D63" s="2" t="s">
        <v>264</v>
      </c>
      <c r="E63" s="2" t="s">
        <v>21</v>
      </c>
      <c r="F63" s="2" t="s">
        <v>22</v>
      </c>
      <c r="G63" s="2" t="s">
        <v>269</v>
      </c>
      <c r="H63" s="2" t="s">
        <v>16</v>
      </c>
      <c r="I63" s="3">
        <v>35063</v>
      </c>
      <c r="J63" s="3">
        <v>44783</v>
      </c>
      <c r="K63" s="2" t="s">
        <v>31</v>
      </c>
      <c r="L63" s="2" t="s">
        <v>266</v>
      </c>
      <c r="M63" s="2" t="s">
        <v>17</v>
      </c>
    </row>
    <row r="64" spans="1:13" x14ac:dyDescent="0.25">
      <c r="A64" s="2" t="s">
        <v>270</v>
      </c>
      <c r="B64" s="2" t="s">
        <v>13</v>
      </c>
      <c r="C64" s="2" t="s">
        <v>271</v>
      </c>
      <c r="D64" s="2" t="s">
        <v>272</v>
      </c>
      <c r="E64" s="2" t="s">
        <v>21</v>
      </c>
      <c r="F64" s="2" t="s">
        <v>22</v>
      </c>
      <c r="G64" s="2" t="s">
        <v>273</v>
      </c>
      <c r="H64" s="2" t="s">
        <v>16</v>
      </c>
      <c r="I64" s="3">
        <v>34183</v>
      </c>
      <c r="J64" s="3">
        <v>44783</v>
      </c>
      <c r="K64" s="2" t="s">
        <v>31</v>
      </c>
      <c r="L64" s="2" t="s">
        <v>266</v>
      </c>
      <c r="M64" s="2" t="s">
        <v>17</v>
      </c>
    </row>
    <row r="65" spans="1:13" x14ac:dyDescent="0.25">
      <c r="A65" s="2" t="s">
        <v>274</v>
      </c>
      <c r="B65" s="2" t="s">
        <v>13</v>
      </c>
      <c r="C65" s="2" t="s">
        <v>275</v>
      </c>
      <c r="D65" s="2" t="s">
        <v>276</v>
      </c>
      <c r="E65" s="2" t="s">
        <v>21</v>
      </c>
      <c r="F65" s="2" t="s">
        <v>22</v>
      </c>
      <c r="G65" s="2" t="s">
        <v>277</v>
      </c>
      <c r="H65" s="2" t="s">
        <v>16</v>
      </c>
      <c r="I65" s="3">
        <v>33057</v>
      </c>
      <c r="J65" s="3">
        <v>44716</v>
      </c>
      <c r="K65" s="2" t="s">
        <v>31</v>
      </c>
      <c r="L65" s="2" t="s">
        <v>278</v>
      </c>
      <c r="M65" s="2" t="s">
        <v>17</v>
      </c>
    </row>
    <row r="66" spans="1:13" x14ac:dyDescent="0.25">
      <c r="A66" s="2" t="s">
        <v>279</v>
      </c>
      <c r="B66" s="2" t="s">
        <v>13</v>
      </c>
      <c r="C66" s="2" t="s">
        <v>280</v>
      </c>
      <c r="D66" s="2" t="s">
        <v>281</v>
      </c>
      <c r="E66" s="2" t="s">
        <v>21</v>
      </c>
      <c r="F66" s="2" t="s">
        <v>22</v>
      </c>
      <c r="G66" s="2" t="s">
        <v>282</v>
      </c>
      <c r="H66" s="2" t="s">
        <v>16</v>
      </c>
      <c r="I66" s="3">
        <v>33212</v>
      </c>
      <c r="J66" s="3">
        <v>44817</v>
      </c>
      <c r="K66" s="2" t="s">
        <v>31</v>
      </c>
      <c r="L66" s="2" t="s">
        <v>283</v>
      </c>
      <c r="M66" s="2" t="s">
        <v>17</v>
      </c>
    </row>
    <row r="67" spans="1:13" x14ac:dyDescent="0.25">
      <c r="A67" s="2" t="s">
        <v>284</v>
      </c>
      <c r="B67" s="2" t="s">
        <v>13</v>
      </c>
      <c r="C67" s="2" t="s">
        <v>285</v>
      </c>
      <c r="D67" s="2" t="s">
        <v>286</v>
      </c>
      <c r="E67" s="2" t="s">
        <v>21</v>
      </c>
      <c r="F67" s="2" t="s">
        <v>22</v>
      </c>
      <c r="G67" s="2" t="s">
        <v>287</v>
      </c>
      <c r="H67" s="2" t="s">
        <v>16</v>
      </c>
      <c r="I67" s="3">
        <v>33366</v>
      </c>
      <c r="J67" s="3">
        <v>44805</v>
      </c>
      <c r="K67" s="2" t="s">
        <v>31</v>
      </c>
      <c r="L67" s="2" t="s">
        <v>283</v>
      </c>
      <c r="M67" s="2" t="s">
        <v>17</v>
      </c>
    </row>
    <row r="68" spans="1:13" x14ac:dyDescent="0.25">
      <c r="A68" s="2" t="s">
        <v>288</v>
      </c>
      <c r="B68" s="2" t="s">
        <v>20</v>
      </c>
      <c r="C68" s="2" t="s">
        <v>289</v>
      </c>
      <c r="D68" s="2" t="s">
        <v>290</v>
      </c>
      <c r="E68" s="2" t="s">
        <v>21</v>
      </c>
      <c r="F68" s="2" t="s">
        <v>22</v>
      </c>
      <c r="G68" s="2" t="s">
        <v>291</v>
      </c>
      <c r="H68" s="2" t="s">
        <v>19</v>
      </c>
      <c r="I68" s="3">
        <v>34298</v>
      </c>
      <c r="J68" s="3">
        <v>44783</v>
      </c>
      <c r="K68" s="2" t="s">
        <v>31</v>
      </c>
      <c r="L68" s="2" t="s">
        <v>93</v>
      </c>
      <c r="M68" s="2" t="s">
        <v>17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norther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i3</cp:lastModifiedBy>
  <dcterms:created xsi:type="dcterms:W3CDTF">2022-12-12T16:07:08Z</dcterms:created>
  <dcterms:modified xsi:type="dcterms:W3CDTF">2022-12-12T18:02:54Z</dcterms:modified>
</cp:coreProperties>
</file>